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２.　保険料・税\ＸＬＳ\"/>
    </mc:Choice>
  </mc:AlternateContent>
  <bookViews>
    <workbookView xWindow="0" yWindow="0" windowWidth="20490" windowHeight="7185"/>
  </bookViews>
  <sheets>
    <sheet name="収納率（現繰）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'収納率（現繰）'!$A$1:$N$5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5" uniqueCount="61">
  <si>
    <t>２.　保険料・税（２）　収納率の状況</t>
    <rPh sb="12" eb="14">
      <t>シュウノウ</t>
    </rPh>
    <rPh sb="14" eb="15">
      <t>リツ</t>
    </rPh>
    <rPh sb="16" eb="18">
      <t>ジョウキョウ</t>
    </rPh>
    <phoneticPr fontId="4"/>
  </si>
  <si>
    <t>・収納率の推移（現年・滞納繰越分合計）</t>
    <rPh sb="1" eb="3">
      <t>シュウノウ</t>
    </rPh>
    <rPh sb="3" eb="4">
      <t>リツ</t>
    </rPh>
    <rPh sb="5" eb="7">
      <t>スイイ</t>
    </rPh>
    <rPh sb="8" eb="9">
      <t>ゲン</t>
    </rPh>
    <rPh sb="9" eb="10">
      <t>ネン</t>
    </rPh>
    <rPh sb="11" eb="13">
      <t>タイノウ</t>
    </rPh>
    <rPh sb="13" eb="15">
      <t>クリコシ</t>
    </rPh>
    <rPh sb="15" eb="16">
      <t>ブン</t>
    </rPh>
    <rPh sb="16" eb="18">
      <t>ゴウケイ</t>
    </rPh>
    <phoneticPr fontId="4"/>
  </si>
  <si>
    <t>保険者名</t>
  </si>
  <si>
    <t>23年度</t>
    <phoneticPr fontId="4"/>
  </si>
  <si>
    <t>24年度</t>
    <phoneticPr fontId="4"/>
  </si>
  <si>
    <t>25年度</t>
    <phoneticPr fontId="4"/>
  </si>
  <si>
    <t>26年度</t>
    <phoneticPr fontId="4"/>
  </si>
  <si>
    <t>27年度</t>
    <phoneticPr fontId="4"/>
  </si>
  <si>
    <t>28年度</t>
    <phoneticPr fontId="4"/>
  </si>
  <si>
    <t>収納率</t>
  </si>
  <si>
    <t>順</t>
  </si>
  <si>
    <t>（％）</t>
  </si>
  <si>
    <t>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城山町</t>
  </si>
  <si>
    <t>－</t>
  </si>
  <si>
    <t>－</t>
    <phoneticPr fontId="4"/>
  </si>
  <si>
    <t xml:space="preserve"> 津久井町</t>
  </si>
  <si>
    <t xml:space="preserve"> 相模湖町</t>
  </si>
  <si>
    <t xml:space="preserve"> 藤野町</t>
  </si>
  <si>
    <t xml:space="preserve"> 医師</t>
  </si>
  <si>
    <t xml:space="preserve"> 歯科医師</t>
  </si>
  <si>
    <t xml:space="preserve"> 食品衛生</t>
  </si>
  <si>
    <t xml:space="preserve"> 薬剤師</t>
  </si>
  <si>
    <t xml:space="preserve"> 建設業</t>
  </si>
  <si>
    <t xml:space="preserve"> 建設連合</t>
  </si>
  <si>
    <t>市町村平均</t>
  </si>
  <si>
    <t>組 合 平 均</t>
    <phoneticPr fontId="4"/>
  </si>
  <si>
    <t>県   平   均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.00_);[Red]\(0.00\)"/>
    <numFmt numFmtId="177" formatCode="0_);[Red]\(0\)"/>
  </numFmts>
  <fonts count="10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9"/>
      <name val="ＭＳ Ｐゴシック"/>
      <family val="3"/>
      <charset val="128"/>
    </font>
    <font>
      <sz val="8"/>
      <color indexed="12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Ｐゴシック"/>
      <family val="3"/>
      <charset val="128"/>
    </font>
    <font>
      <sz val="9"/>
      <color indexed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63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/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/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1" fillId="0" borderId="0"/>
  </cellStyleXfs>
  <cellXfs count="148">
    <xf numFmtId="0" fontId="0" fillId="0" borderId="0" xfId="0"/>
    <xf numFmtId="38" fontId="2" fillId="0" borderId="0" xfId="1" applyFont="1"/>
    <xf numFmtId="0" fontId="5" fillId="0" borderId="0" xfId="0" applyNumberFormat="1" applyFont="1"/>
    <xf numFmtId="38" fontId="6" fillId="0" borderId="0" xfId="1" applyFont="1"/>
    <xf numFmtId="0" fontId="2" fillId="0" borderId="0" xfId="0" applyNumberFormat="1" applyFont="1"/>
    <xf numFmtId="0" fontId="5" fillId="0" borderId="0" xfId="0" applyNumberFormat="1" applyFont="1" applyAlignment="1">
      <alignment horizontal="right"/>
    </xf>
    <xf numFmtId="0" fontId="5" fillId="0" borderId="11" xfId="0" applyNumberFormat="1" applyFont="1" applyBorder="1" applyAlignment="1">
      <alignment horizontal="center"/>
    </xf>
    <xf numFmtId="0" fontId="5" fillId="0" borderId="12" xfId="0" applyNumberFormat="1" applyFont="1" applyBorder="1" applyAlignment="1">
      <alignment horizontal="center"/>
    </xf>
    <xf numFmtId="0" fontId="5" fillId="0" borderId="0" xfId="0" applyNumberFormat="1" applyFont="1" applyBorder="1" applyAlignment="1">
      <alignment horizontal="center"/>
    </xf>
    <xf numFmtId="0" fontId="5" fillId="0" borderId="13" xfId="0" applyNumberFormat="1" applyFont="1" applyBorder="1" applyAlignment="1">
      <alignment horizontal="center"/>
    </xf>
    <xf numFmtId="0" fontId="5" fillId="0" borderId="14" xfId="0" applyNumberFormat="1" applyFont="1" applyBorder="1" applyAlignment="1">
      <alignment horizontal="center"/>
    </xf>
    <xf numFmtId="0" fontId="5" fillId="0" borderId="16" xfId="0" applyNumberFormat="1" applyFont="1" applyBorder="1" applyAlignment="1">
      <alignment horizontal="center"/>
    </xf>
    <xf numFmtId="0" fontId="5" fillId="0" borderId="17" xfId="0" applyNumberFormat="1" applyFont="1" applyBorder="1" applyAlignment="1">
      <alignment horizontal="center"/>
    </xf>
    <xf numFmtId="0" fontId="5" fillId="0" borderId="18" xfId="0" applyNumberFormat="1" applyFont="1" applyBorder="1" applyAlignment="1">
      <alignment horizontal="center"/>
    </xf>
    <xf numFmtId="0" fontId="5" fillId="0" borderId="19" xfId="0" applyNumberFormat="1" applyFont="1" applyBorder="1" applyAlignment="1">
      <alignment horizontal="center"/>
    </xf>
    <xf numFmtId="0" fontId="5" fillId="0" borderId="22" xfId="0" applyNumberFormat="1" applyFont="1" applyBorder="1" applyAlignment="1">
      <alignment horizontal="center"/>
    </xf>
    <xf numFmtId="0" fontId="5" fillId="0" borderId="23" xfId="0" applyNumberFormat="1" applyFont="1" applyBorder="1" applyAlignment="1">
      <alignment horizontal="center"/>
    </xf>
    <xf numFmtId="0" fontId="5" fillId="0" borderId="24" xfId="0" applyNumberFormat="1" applyFont="1" applyBorder="1" applyAlignment="1">
      <alignment horizontal="center"/>
    </xf>
    <xf numFmtId="0" fontId="5" fillId="0" borderId="25" xfId="0" applyNumberFormat="1" applyFont="1" applyBorder="1" applyAlignment="1">
      <alignment horizontal="center"/>
    </xf>
    <xf numFmtId="0" fontId="5" fillId="0" borderId="26" xfId="0" applyNumberFormat="1" applyFont="1" applyBorder="1" applyAlignment="1">
      <alignment horizontal="center"/>
    </xf>
    <xf numFmtId="0" fontId="5" fillId="0" borderId="27" xfId="0" applyNumberFormat="1" applyFont="1" applyBorder="1" applyAlignment="1">
      <alignment horizontal="center"/>
    </xf>
    <xf numFmtId="0" fontId="5" fillId="0" borderId="9" xfId="0" applyNumberFormat="1" applyFont="1" applyBorder="1"/>
    <xf numFmtId="0" fontId="7" fillId="0" borderId="28" xfId="0" applyNumberFormat="1" applyFont="1" applyBorder="1"/>
    <xf numFmtId="0" fontId="8" fillId="0" borderId="30" xfId="0" applyNumberFormat="1" applyFont="1" applyBorder="1"/>
    <xf numFmtId="2" fontId="8" fillId="0" borderId="33" xfId="0" applyNumberFormat="1" applyFont="1" applyBorder="1"/>
    <xf numFmtId="176" fontId="8" fillId="0" borderId="32" xfId="0" applyNumberFormat="1" applyFont="1" applyBorder="1"/>
    <xf numFmtId="177" fontId="8" fillId="0" borderId="30" xfId="0" applyNumberFormat="1" applyFont="1" applyBorder="1"/>
    <xf numFmtId="2" fontId="8" fillId="0" borderId="29" xfId="3" applyNumberFormat="1" applyFont="1" applyBorder="1"/>
    <xf numFmtId="0" fontId="8" fillId="0" borderId="31" xfId="4" applyNumberFormat="1" applyFont="1" applyBorder="1"/>
    <xf numFmtId="2" fontId="8" fillId="0" borderId="33" xfId="4" applyNumberFormat="1" applyFont="1" applyBorder="1"/>
    <xf numFmtId="177" fontId="8" fillId="0" borderId="32" xfId="4" applyNumberFormat="1" applyFont="1" applyBorder="1" applyAlignment="1">
      <alignment horizontal="right"/>
    </xf>
    <xf numFmtId="2" fontId="8" fillId="0" borderId="33" xfId="2" applyNumberFormat="1" applyFont="1" applyBorder="1"/>
    <xf numFmtId="0" fontId="8" fillId="0" borderId="34" xfId="0" applyNumberFormat="1" applyFont="1" applyBorder="1"/>
    <xf numFmtId="0" fontId="9" fillId="0" borderId="0" xfId="0" applyNumberFormat="1" applyFont="1"/>
    <xf numFmtId="2" fontId="8" fillId="0" borderId="33" xfId="0" applyNumberFormat="1" applyFont="1" applyBorder="1" applyAlignment="1">
      <alignment horizontal="right"/>
    </xf>
    <xf numFmtId="0" fontId="5" fillId="0" borderId="35" xfId="0" applyNumberFormat="1" applyFont="1" applyBorder="1"/>
    <xf numFmtId="0" fontId="7" fillId="0" borderId="36" xfId="0" applyNumberFormat="1" applyFont="1" applyBorder="1"/>
    <xf numFmtId="0" fontId="8" fillId="0" borderId="38" xfId="0" applyNumberFormat="1" applyFont="1" applyBorder="1"/>
    <xf numFmtId="2" fontId="8" fillId="0" borderId="41" xfId="0" applyNumberFormat="1" applyFont="1" applyBorder="1"/>
    <xf numFmtId="176" fontId="8" fillId="0" borderId="40" xfId="0" applyNumberFormat="1" applyFont="1" applyBorder="1"/>
    <xf numFmtId="177" fontId="8" fillId="0" borderId="38" xfId="0" applyNumberFormat="1" applyFont="1" applyBorder="1"/>
    <xf numFmtId="2" fontId="8" fillId="0" borderId="37" xfId="3" applyNumberFormat="1" applyFont="1" applyBorder="1"/>
    <xf numFmtId="0" fontId="8" fillId="0" borderId="39" xfId="4" applyNumberFormat="1" applyFont="1" applyBorder="1"/>
    <xf numFmtId="2" fontId="8" fillId="0" borderId="41" xfId="4" applyNumberFormat="1" applyFont="1" applyBorder="1"/>
    <xf numFmtId="177" fontId="8" fillId="0" borderId="40" xfId="4" applyNumberFormat="1" applyFont="1" applyBorder="1" applyAlignment="1">
      <alignment horizontal="right"/>
    </xf>
    <xf numFmtId="2" fontId="8" fillId="0" borderId="41" xfId="2" applyNumberFormat="1" applyFont="1" applyBorder="1"/>
    <xf numFmtId="0" fontId="8" fillId="0" borderId="42" xfId="0" applyNumberFormat="1" applyFont="1" applyBorder="1"/>
    <xf numFmtId="2" fontId="8" fillId="0" borderId="24" xfId="0" applyNumberFormat="1" applyFont="1" applyBorder="1"/>
    <xf numFmtId="0" fontId="8" fillId="0" borderId="26" xfId="0" applyNumberFormat="1" applyFont="1" applyBorder="1"/>
    <xf numFmtId="176" fontId="8" fillId="0" borderId="25" xfId="0" applyNumberFormat="1" applyFont="1" applyBorder="1"/>
    <xf numFmtId="177" fontId="8" fillId="0" borderId="26" xfId="0" applyNumberFormat="1" applyFont="1" applyBorder="1"/>
    <xf numFmtId="2" fontId="8" fillId="0" borderId="22" xfId="3" applyNumberFormat="1" applyFont="1" applyBorder="1"/>
    <xf numFmtId="2" fontId="8" fillId="0" borderId="24" xfId="4" applyNumberFormat="1" applyFont="1" applyBorder="1"/>
    <xf numFmtId="177" fontId="8" fillId="0" borderId="25" xfId="4" applyNumberFormat="1" applyFont="1" applyBorder="1" applyAlignment="1">
      <alignment horizontal="right"/>
    </xf>
    <xf numFmtId="2" fontId="8" fillId="0" borderId="24" xfId="2" applyNumberFormat="1" applyFont="1" applyBorder="1"/>
    <xf numFmtId="0" fontId="5" fillId="0" borderId="43" xfId="0" applyNumberFormat="1" applyFont="1" applyBorder="1"/>
    <xf numFmtId="0" fontId="7" fillId="0" borderId="44" xfId="0" applyNumberFormat="1" applyFont="1" applyBorder="1"/>
    <xf numFmtId="0" fontId="8" fillId="0" borderId="12" xfId="0" applyNumberFormat="1" applyFont="1" applyBorder="1"/>
    <xf numFmtId="2" fontId="8" fillId="0" borderId="14" xfId="0" applyNumberFormat="1" applyFont="1" applyBorder="1"/>
    <xf numFmtId="176" fontId="8" fillId="0" borderId="15" xfId="0" applyNumberFormat="1" applyFont="1" applyBorder="1"/>
    <xf numFmtId="177" fontId="8" fillId="0" borderId="12" xfId="0" applyNumberFormat="1" applyFont="1" applyBorder="1"/>
    <xf numFmtId="2" fontId="8" fillId="0" borderId="18" xfId="3" applyNumberFormat="1" applyFont="1" applyBorder="1"/>
    <xf numFmtId="0" fontId="8" fillId="0" borderId="13" xfId="4" applyNumberFormat="1" applyFont="1" applyBorder="1"/>
    <xf numFmtId="2" fontId="8" fillId="0" borderId="14" xfId="4" applyNumberFormat="1" applyFont="1" applyBorder="1"/>
    <xf numFmtId="177" fontId="8" fillId="0" borderId="15" xfId="4" applyNumberFormat="1" applyFont="1" applyBorder="1" applyAlignment="1">
      <alignment horizontal="right"/>
    </xf>
    <xf numFmtId="2" fontId="8" fillId="0" borderId="14" xfId="2" applyNumberFormat="1" applyFont="1" applyBorder="1"/>
    <xf numFmtId="0" fontId="8" fillId="0" borderId="19" xfId="0" applyNumberFormat="1" applyFont="1" applyBorder="1"/>
    <xf numFmtId="0" fontId="5" fillId="0" borderId="45" xfId="0" applyNumberFormat="1" applyFont="1" applyBorder="1"/>
    <xf numFmtId="0" fontId="7" fillId="0" borderId="46" xfId="0" applyNumberFormat="1" applyFont="1" applyBorder="1"/>
    <xf numFmtId="38" fontId="8" fillId="0" borderId="24" xfId="1" applyFont="1" applyBorder="1" applyAlignment="1">
      <alignment horizontal="center"/>
    </xf>
    <xf numFmtId="2" fontId="8" fillId="0" borderId="24" xfId="1" applyNumberFormat="1" applyFont="1" applyBorder="1" applyAlignment="1">
      <alignment horizontal="center"/>
    </xf>
    <xf numFmtId="40" fontId="8" fillId="0" borderId="26" xfId="1" applyNumberFormat="1" applyFont="1" applyBorder="1" applyAlignment="1">
      <alignment horizontal="center"/>
    </xf>
    <xf numFmtId="176" fontId="8" fillId="0" borderId="25" xfId="1" applyNumberFormat="1" applyFont="1" applyBorder="1" applyAlignment="1">
      <alignment horizontal="center"/>
    </xf>
    <xf numFmtId="177" fontId="8" fillId="0" borderId="26" xfId="1" applyNumberFormat="1" applyFont="1" applyBorder="1" applyAlignment="1">
      <alignment horizontal="center"/>
    </xf>
    <xf numFmtId="177" fontId="8" fillId="0" borderId="25" xfId="1" applyNumberFormat="1" applyFont="1" applyBorder="1" applyAlignment="1">
      <alignment horizontal="center"/>
    </xf>
    <xf numFmtId="40" fontId="8" fillId="0" borderId="27" xfId="1" applyNumberFormat="1" applyFont="1" applyBorder="1" applyAlignment="1">
      <alignment horizontal="center"/>
    </xf>
    <xf numFmtId="38" fontId="8" fillId="0" borderId="33" xfId="1" applyFont="1" applyBorder="1" applyAlignment="1">
      <alignment horizontal="center"/>
    </xf>
    <xf numFmtId="2" fontId="8" fillId="0" borderId="33" xfId="1" applyNumberFormat="1" applyFont="1" applyBorder="1" applyAlignment="1">
      <alignment horizontal="center"/>
    </xf>
    <xf numFmtId="40" fontId="8" fillId="0" borderId="30" xfId="1" applyNumberFormat="1" applyFont="1" applyBorder="1" applyAlignment="1">
      <alignment horizontal="center"/>
    </xf>
    <xf numFmtId="176" fontId="8" fillId="0" borderId="32" xfId="1" applyNumberFormat="1" applyFont="1" applyBorder="1" applyAlignment="1">
      <alignment horizontal="center"/>
    </xf>
    <xf numFmtId="177" fontId="8" fillId="0" borderId="30" xfId="1" applyNumberFormat="1" applyFont="1" applyBorder="1" applyAlignment="1">
      <alignment horizontal="center"/>
    </xf>
    <xf numFmtId="177" fontId="8" fillId="0" borderId="32" xfId="1" applyNumberFormat="1" applyFont="1" applyBorder="1" applyAlignment="1">
      <alignment horizontal="center"/>
    </xf>
    <xf numFmtId="40" fontId="8" fillId="0" borderId="34" xfId="1" applyNumberFormat="1" applyFont="1" applyBorder="1" applyAlignment="1">
      <alignment horizontal="center"/>
    </xf>
    <xf numFmtId="38" fontId="8" fillId="0" borderId="41" xfId="1" applyFont="1" applyBorder="1" applyAlignment="1">
      <alignment horizontal="center"/>
    </xf>
    <xf numFmtId="2" fontId="8" fillId="0" borderId="41" xfId="1" applyNumberFormat="1" applyFont="1" applyBorder="1" applyAlignment="1">
      <alignment horizontal="center"/>
    </xf>
    <xf numFmtId="40" fontId="8" fillId="0" borderId="38" xfId="1" applyNumberFormat="1" applyFont="1" applyBorder="1" applyAlignment="1">
      <alignment horizontal="center"/>
    </xf>
    <xf numFmtId="176" fontId="8" fillId="0" borderId="40" xfId="1" applyNumberFormat="1" applyFont="1" applyBorder="1" applyAlignment="1">
      <alignment horizontal="center"/>
    </xf>
    <xf numFmtId="177" fontId="8" fillId="0" borderId="38" xfId="1" applyNumberFormat="1" applyFont="1" applyBorder="1" applyAlignment="1">
      <alignment horizontal="center"/>
    </xf>
    <xf numFmtId="177" fontId="8" fillId="0" borderId="40" xfId="1" applyNumberFormat="1" applyFont="1" applyBorder="1" applyAlignment="1">
      <alignment horizontal="center"/>
    </xf>
    <xf numFmtId="40" fontId="8" fillId="0" borderId="42" xfId="1" applyNumberFormat="1" applyFont="1" applyBorder="1" applyAlignment="1">
      <alignment horizontal="center"/>
    </xf>
    <xf numFmtId="2" fontId="8" fillId="0" borderId="24" xfId="0" applyNumberFormat="1" applyFont="1" applyBorder="1" applyAlignment="1">
      <alignment horizontal="right"/>
    </xf>
    <xf numFmtId="0" fontId="8" fillId="0" borderId="26" xfId="0" applyNumberFormat="1" applyFont="1" applyBorder="1" applyAlignment="1">
      <alignment horizontal="right"/>
    </xf>
    <xf numFmtId="176" fontId="8" fillId="0" borderId="25" xfId="0" applyNumberFormat="1" applyFont="1" applyBorder="1" applyAlignment="1">
      <alignment horizontal="right"/>
    </xf>
    <xf numFmtId="177" fontId="8" fillId="0" borderId="26" xfId="0" applyNumberFormat="1" applyFont="1" applyBorder="1" applyAlignment="1">
      <alignment horizontal="right"/>
    </xf>
    <xf numFmtId="0" fontId="8" fillId="0" borderId="23" xfId="4" applyNumberFormat="1" applyFont="1" applyBorder="1" applyAlignment="1">
      <alignment horizontal="right"/>
    </xf>
    <xf numFmtId="2" fontId="8" fillId="0" borderId="24" xfId="4" applyNumberFormat="1" applyFont="1" applyBorder="1" applyAlignment="1">
      <alignment horizontal="right"/>
    </xf>
    <xf numFmtId="0" fontId="8" fillId="0" borderId="27" xfId="0" applyNumberFormat="1" applyFont="1" applyBorder="1" applyAlignment="1">
      <alignment horizontal="right"/>
    </xf>
    <xf numFmtId="0" fontId="8" fillId="0" borderId="30" xfId="0" applyNumberFormat="1" applyFont="1" applyBorder="1" applyAlignment="1">
      <alignment horizontal="right"/>
    </xf>
    <xf numFmtId="176" fontId="8" fillId="0" borderId="32" xfId="0" applyNumberFormat="1" applyFont="1" applyBorder="1" applyAlignment="1">
      <alignment horizontal="right"/>
    </xf>
    <xf numFmtId="177" fontId="8" fillId="0" borderId="30" xfId="0" applyNumberFormat="1" applyFont="1" applyBorder="1" applyAlignment="1">
      <alignment horizontal="right"/>
    </xf>
    <xf numFmtId="0" fontId="8" fillId="0" borderId="31" xfId="4" applyNumberFormat="1" applyFont="1" applyBorder="1" applyAlignment="1">
      <alignment horizontal="right"/>
    </xf>
    <xf numFmtId="2" fontId="8" fillId="0" borderId="33" xfId="4" applyNumberFormat="1" applyFont="1" applyBorder="1" applyAlignment="1">
      <alignment horizontal="right"/>
    </xf>
    <xf numFmtId="0" fontId="8" fillId="0" borderId="34" xfId="0" applyNumberFormat="1" applyFont="1" applyBorder="1" applyAlignment="1">
      <alignment horizontal="right"/>
    </xf>
    <xf numFmtId="0" fontId="8" fillId="0" borderId="12" xfId="0" applyNumberFormat="1" applyFont="1" applyBorder="1" applyAlignment="1">
      <alignment horizontal="right"/>
    </xf>
    <xf numFmtId="2" fontId="8" fillId="0" borderId="14" xfId="0" applyNumberFormat="1" applyFont="1" applyBorder="1" applyAlignment="1">
      <alignment horizontal="right"/>
    </xf>
    <xf numFmtId="176" fontId="8" fillId="0" borderId="15" xfId="0" applyNumberFormat="1" applyFont="1" applyBorder="1" applyAlignment="1">
      <alignment horizontal="right"/>
    </xf>
    <xf numFmtId="177" fontId="8" fillId="0" borderId="12" xfId="0" applyNumberFormat="1" applyFont="1" applyBorder="1" applyAlignment="1">
      <alignment horizontal="right"/>
    </xf>
    <xf numFmtId="0" fontId="8" fillId="0" borderId="13" xfId="4" applyNumberFormat="1" applyFont="1" applyBorder="1" applyAlignment="1">
      <alignment horizontal="right"/>
    </xf>
    <xf numFmtId="2" fontId="8" fillId="0" borderId="14" xfId="4" applyNumberFormat="1" applyFont="1" applyBorder="1" applyAlignment="1">
      <alignment horizontal="right"/>
    </xf>
    <xf numFmtId="0" fontId="8" fillId="0" borderId="19" xfId="0" applyNumberFormat="1" applyFont="1" applyBorder="1" applyAlignment="1">
      <alignment horizontal="right"/>
    </xf>
    <xf numFmtId="0" fontId="8" fillId="0" borderId="52" xfId="0" applyNumberFormat="1" applyFont="1" applyBorder="1" applyAlignment="1">
      <alignment horizontal="right"/>
    </xf>
    <xf numFmtId="2" fontId="8" fillId="0" borderId="53" xfId="0" applyNumberFormat="1" applyFont="1" applyBorder="1" applyAlignment="1">
      <alignment horizontal="right"/>
    </xf>
    <xf numFmtId="176" fontId="8" fillId="0" borderId="50" xfId="0" applyNumberFormat="1" applyFont="1" applyBorder="1" applyAlignment="1">
      <alignment horizontal="right"/>
    </xf>
    <xf numFmtId="177" fontId="8" fillId="0" borderId="52" xfId="0" applyNumberFormat="1" applyFont="1" applyBorder="1" applyAlignment="1">
      <alignment horizontal="right"/>
    </xf>
    <xf numFmtId="2" fontId="8" fillId="0" borderId="49" xfId="3" applyNumberFormat="1" applyFont="1" applyBorder="1"/>
    <xf numFmtId="0" fontId="8" fillId="0" borderId="51" xfId="4" applyNumberFormat="1" applyFont="1" applyBorder="1" applyAlignment="1">
      <alignment horizontal="right"/>
    </xf>
    <xf numFmtId="2" fontId="8" fillId="0" borderId="53" xfId="4" applyNumberFormat="1" applyFont="1" applyBorder="1" applyAlignment="1">
      <alignment horizontal="right"/>
    </xf>
    <xf numFmtId="177" fontId="8" fillId="0" borderId="50" xfId="4" applyNumberFormat="1" applyFont="1" applyBorder="1" applyAlignment="1">
      <alignment horizontal="right"/>
    </xf>
    <xf numFmtId="2" fontId="8" fillId="0" borderId="53" xfId="2" applyNumberFormat="1" applyFont="1" applyBorder="1"/>
    <xf numFmtId="0" fontId="8" fillId="0" borderId="54" xfId="0" applyNumberFormat="1" applyFont="1" applyBorder="1" applyAlignment="1">
      <alignment horizontal="right"/>
    </xf>
    <xf numFmtId="0" fontId="8" fillId="0" borderId="60" xfId="0" applyNumberFormat="1" applyFont="1" applyBorder="1"/>
    <xf numFmtId="2" fontId="8" fillId="0" borderId="61" xfId="0" applyNumberFormat="1" applyFont="1" applyBorder="1"/>
    <xf numFmtId="176" fontId="8" fillId="0" borderId="58" xfId="0" applyNumberFormat="1" applyFont="1" applyBorder="1"/>
    <xf numFmtId="177" fontId="8" fillId="0" borderId="60" xfId="0" applyNumberFormat="1" applyFont="1" applyBorder="1"/>
    <xf numFmtId="2" fontId="8" fillId="0" borderId="57" xfId="3" applyNumberFormat="1" applyFont="1" applyBorder="1"/>
    <xf numFmtId="0" fontId="8" fillId="0" borderId="59" xfId="4" applyNumberFormat="1" applyFont="1" applyBorder="1"/>
    <xf numFmtId="2" fontId="8" fillId="0" borderId="61" xfId="4" applyNumberFormat="1" applyFont="1" applyBorder="1"/>
    <xf numFmtId="177" fontId="8" fillId="0" borderId="58" xfId="4" applyNumberFormat="1" applyFont="1" applyBorder="1"/>
    <xf numFmtId="2" fontId="8" fillId="0" borderId="61" xfId="2" applyNumberFormat="1" applyFont="1" applyBorder="1"/>
    <xf numFmtId="0" fontId="8" fillId="0" borderId="62" xfId="0" applyNumberFormat="1" applyFont="1" applyBorder="1"/>
    <xf numFmtId="38" fontId="5" fillId="0" borderId="55" xfId="1" applyFont="1" applyBorder="1" applyAlignment="1">
      <alignment horizontal="distributed" justifyLastLine="1"/>
    </xf>
    <xf numFmtId="38" fontId="5" fillId="0" borderId="56" xfId="1" applyFont="1" applyBorder="1" applyAlignment="1">
      <alignment horizontal="distributed" justifyLastLine="1"/>
    </xf>
    <xf numFmtId="0" fontId="5" fillId="0" borderId="3" xfId="0" quotePrefix="1" applyFont="1" applyBorder="1" applyAlignment="1">
      <alignment horizontal="distributed" justifyLastLine="1"/>
    </xf>
    <xf numFmtId="0" fontId="5" fillId="0" borderId="4" xfId="0" applyFont="1" applyBorder="1" applyAlignment="1">
      <alignment horizontal="distributed" justifyLastLine="1"/>
    </xf>
    <xf numFmtId="0" fontId="0" fillId="0" borderId="4" xfId="0" applyBorder="1" applyAlignment="1">
      <alignment horizontal="distributed" justifyLastLine="1"/>
    </xf>
    <xf numFmtId="0" fontId="5" fillId="0" borderId="3" xfId="0" quotePrefix="1" applyNumberFormat="1" applyFont="1" applyBorder="1" applyAlignment="1">
      <alignment horizontal="distributed" justifyLastLine="1"/>
    </xf>
    <xf numFmtId="0" fontId="0" fillId="0" borderId="8" xfId="0" applyBorder="1" applyAlignment="1">
      <alignment horizontal="distributed" justifyLastLine="1"/>
    </xf>
    <xf numFmtId="38" fontId="5" fillId="0" borderId="47" xfId="1" applyFont="1" applyBorder="1" applyAlignment="1">
      <alignment horizontal="distributed" justifyLastLine="1"/>
    </xf>
    <xf numFmtId="38" fontId="5" fillId="0" borderId="48" xfId="1" applyFont="1" applyBorder="1" applyAlignment="1">
      <alignment horizontal="distributed" justifyLastLine="1"/>
    </xf>
    <xf numFmtId="0" fontId="5" fillId="0" borderId="6" xfId="0" quotePrefix="1" applyNumberFormat="1" applyFont="1" applyBorder="1" applyAlignment="1">
      <alignment horizontal="distributed" justifyLastLine="1"/>
    </xf>
    <xf numFmtId="0" fontId="0" fillId="0" borderId="7" xfId="0" applyBorder="1" applyAlignment="1">
      <alignment horizontal="distributed" justifyLastLine="1"/>
    </xf>
    <xf numFmtId="0" fontId="5" fillId="0" borderId="5" xfId="0" applyFont="1" applyBorder="1" applyAlignment="1">
      <alignment horizontal="distributed" justifyLastLine="1"/>
    </xf>
    <xf numFmtId="0" fontId="5" fillId="0" borderId="1" xfId="0" applyFont="1" applyBorder="1" applyAlignment="1">
      <alignment horizontal="distributed" vertical="center" justifyLastLine="1"/>
    </xf>
    <xf numFmtId="0" fontId="0" fillId="0" borderId="2" xfId="0" applyBorder="1" applyAlignment="1">
      <alignment horizontal="distributed" vertical="center" justifyLastLine="1"/>
    </xf>
    <xf numFmtId="0" fontId="0" fillId="0" borderId="9" xfId="0" applyBorder="1" applyAlignment="1">
      <alignment horizontal="distributed" vertical="center" justifyLastLine="1"/>
    </xf>
    <xf numFmtId="0" fontId="0" fillId="0" borderId="10" xfId="0" applyBorder="1" applyAlignment="1">
      <alignment horizontal="distributed" vertical="center" justifyLastLine="1"/>
    </xf>
    <xf numFmtId="0" fontId="0" fillId="0" borderId="20" xfId="0" applyBorder="1" applyAlignment="1">
      <alignment horizontal="distributed" vertical="center" justifyLastLine="1"/>
    </xf>
    <xf numFmtId="0" fontId="0" fillId="0" borderId="21" xfId="0" applyBorder="1" applyAlignment="1">
      <alignment horizontal="distributed" vertical="center" justifyLastLine="1"/>
    </xf>
  </cellXfs>
  <cellStyles count="5">
    <cellStyle name="パーセント" xfId="2" builtinId="5"/>
    <cellStyle name="パーセント 2" xfId="3"/>
    <cellStyle name="桁区切り" xfId="1" builtinId="6"/>
    <cellStyle name="標準" xfId="0" builtinId="0"/>
    <cellStyle name="標準 2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C51"/>
  <sheetViews>
    <sheetView tabSelected="1" view="pageBreakPreview" zoomScaleNormal="100" workbookViewId="0">
      <selection activeCell="A3" sqref="A3:N51"/>
    </sheetView>
  </sheetViews>
  <sheetFormatPr defaultRowHeight="11.25" x14ac:dyDescent="0.15"/>
  <cols>
    <col min="1" max="1" width="3.75" style="2" customWidth="1"/>
    <col min="2" max="2" width="9.875" style="2" customWidth="1"/>
    <col min="3" max="3" width="8.875" style="2" customWidth="1"/>
    <col min="4" max="4" width="3.75" style="2" customWidth="1"/>
    <col min="5" max="5" width="8.75" style="2" customWidth="1"/>
    <col min="6" max="6" width="3.75" style="2" customWidth="1"/>
    <col min="7" max="7" width="8.75" style="2" customWidth="1"/>
    <col min="8" max="8" width="3.75" style="2" customWidth="1"/>
    <col min="9" max="9" width="8.75" style="2" customWidth="1"/>
    <col min="10" max="10" width="3.75" style="2" customWidth="1"/>
    <col min="11" max="11" width="8.75" style="2" customWidth="1"/>
    <col min="12" max="12" width="3.75" style="2" customWidth="1"/>
    <col min="13" max="13" width="8.75" style="2" customWidth="1"/>
    <col min="14" max="14" width="3.75" style="2" customWidth="1"/>
    <col min="15" max="15" width="4.5" style="2" customWidth="1"/>
    <col min="16" max="16384" width="9" style="2"/>
  </cols>
  <sheetData>
    <row r="1" spans="1:16" ht="16.5" customHeight="1" x14ac:dyDescent="0.15">
      <c r="A1" s="1" t="s">
        <v>0</v>
      </c>
      <c r="O1" s="3"/>
    </row>
    <row r="2" spans="1:16" ht="16.5" customHeight="1" thickBot="1" x14ac:dyDescent="0.2">
      <c r="B2" s="4" t="s">
        <v>1</v>
      </c>
    </row>
    <row r="3" spans="1:16" ht="15" customHeight="1" x14ac:dyDescent="0.15">
      <c r="A3" s="142" t="s">
        <v>2</v>
      </c>
      <c r="B3" s="143"/>
      <c r="C3" s="139" t="s">
        <v>3</v>
      </c>
      <c r="D3" s="140"/>
      <c r="E3" s="132" t="s">
        <v>4</v>
      </c>
      <c r="F3" s="141"/>
      <c r="G3" s="132" t="s">
        <v>5</v>
      </c>
      <c r="H3" s="133"/>
      <c r="I3" s="132" t="s">
        <v>6</v>
      </c>
      <c r="J3" s="133"/>
      <c r="K3" s="132" t="s">
        <v>7</v>
      </c>
      <c r="L3" s="134"/>
      <c r="M3" s="135" t="s">
        <v>8</v>
      </c>
      <c r="N3" s="136"/>
    </row>
    <row r="4" spans="1:16" ht="12.75" customHeight="1" x14ac:dyDescent="0.15">
      <c r="A4" s="144"/>
      <c r="B4" s="145"/>
      <c r="C4" s="11" t="s">
        <v>9</v>
      </c>
      <c r="D4" s="12" t="s">
        <v>10</v>
      </c>
      <c r="E4" s="8" t="s">
        <v>9</v>
      </c>
      <c r="F4" s="7" t="s">
        <v>10</v>
      </c>
      <c r="G4" s="6" t="s">
        <v>9</v>
      </c>
      <c r="H4" s="9" t="s">
        <v>10</v>
      </c>
      <c r="I4" s="13" t="s">
        <v>9</v>
      </c>
      <c r="J4" s="7" t="s">
        <v>10</v>
      </c>
      <c r="K4" s="10" t="s">
        <v>9</v>
      </c>
      <c r="L4" s="9" t="s">
        <v>10</v>
      </c>
      <c r="M4" s="10" t="s">
        <v>9</v>
      </c>
      <c r="N4" s="14" t="s">
        <v>10</v>
      </c>
    </row>
    <row r="5" spans="1:16" ht="12.75" customHeight="1" x14ac:dyDescent="0.15">
      <c r="A5" s="146"/>
      <c r="B5" s="147"/>
      <c r="C5" s="17" t="s">
        <v>11</v>
      </c>
      <c r="D5" s="19" t="s">
        <v>12</v>
      </c>
      <c r="E5" s="18" t="s">
        <v>11</v>
      </c>
      <c r="F5" s="19" t="s">
        <v>12</v>
      </c>
      <c r="G5" s="15" t="s">
        <v>11</v>
      </c>
      <c r="H5" s="16" t="s">
        <v>12</v>
      </c>
      <c r="I5" s="15" t="s">
        <v>11</v>
      </c>
      <c r="J5" s="19" t="s">
        <v>12</v>
      </c>
      <c r="K5" s="17" t="s">
        <v>11</v>
      </c>
      <c r="L5" s="16" t="s">
        <v>12</v>
      </c>
      <c r="M5" s="17" t="s">
        <v>11</v>
      </c>
      <c r="N5" s="20" t="s">
        <v>12</v>
      </c>
    </row>
    <row r="6" spans="1:16" ht="19.5" customHeight="1" x14ac:dyDescent="0.15">
      <c r="A6" s="21">
        <v>1</v>
      </c>
      <c r="B6" s="22" t="s">
        <v>13</v>
      </c>
      <c r="C6" s="24">
        <v>73.95</v>
      </c>
      <c r="D6" s="23">
        <v>14</v>
      </c>
      <c r="E6" s="25">
        <v>75.48</v>
      </c>
      <c r="F6" s="26">
        <v>13</v>
      </c>
      <c r="G6" s="25">
        <v>78.56</v>
      </c>
      <c r="H6" s="26">
        <v>11</v>
      </c>
      <c r="I6" s="27">
        <v>80.19</v>
      </c>
      <c r="J6" s="28">
        <v>9</v>
      </c>
      <c r="K6" s="29">
        <v>81.75</v>
      </c>
      <c r="L6" s="30">
        <v>7</v>
      </c>
      <c r="M6" s="31">
        <v>84.1</v>
      </c>
      <c r="N6" s="32">
        <v>6</v>
      </c>
      <c r="P6" s="33"/>
    </row>
    <row r="7" spans="1:16" ht="19.5" customHeight="1" x14ac:dyDescent="0.15">
      <c r="A7" s="21">
        <v>2</v>
      </c>
      <c r="B7" s="22" t="s">
        <v>14</v>
      </c>
      <c r="C7" s="24">
        <v>70.08</v>
      </c>
      <c r="D7" s="23">
        <v>20</v>
      </c>
      <c r="E7" s="25">
        <v>72.28</v>
      </c>
      <c r="F7" s="26">
        <v>17</v>
      </c>
      <c r="G7" s="25">
        <v>75.84</v>
      </c>
      <c r="H7" s="26">
        <v>15</v>
      </c>
      <c r="I7" s="27">
        <v>79.41</v>
      </c>
      <c r="J7" s="28">
        <v>12</v>
      </c>
      <c r="K7" s="29">
        <v>82.94</v>
      </c>
      <c r="L7" s="30">
        <v>6</v>
      </c>
      <c r="M7" s="31">
        <v>86.2</v>
      </c>
      <c r="N7" s="32">
        <v>1</v>
      </c>
    </row>
    <row r="8" spans="1:16" ht="19.5" customHeight="1" x14ac:dyDescent="0.15">
      <c r="A8" s="21">
        <v>3</v>
      </c>
      <c r="B8" s="22" t="s">
        <v>15</v>
      </c>
      <c r="C8" s="24">
        <v>76.41</v>
      </c>
      <c r="D8" s="23">
        <v>8</v>
      </c>
      <c r="E8" s="25">
        <v>77.78</v>
      </c>
      <c r="F8" s="26">
        <v>9</v>
      </c>
      <c r="G8" s="25">
        <v>80.2</v>
      </c>
      <c r="H8" s="26">
        <v>9</v>
      </c>
      <c r="I8" s="27">
        <v>79.97</v>
      </c>
      <c r="J8" s="28">
        <v>11</v>
      </c>
      <c r="K8" s="29">
        <v>79.89</v>
      </c>
      <c r="L8" s="30">
        <v>12</v>
      </c>
      <c r="M8" s="31">
        <v>78.37</v>
      </c>
      <c r="N8" s="32">
        <v>15</v>
      </c>
    </row>
    <row r="9" spans="1:16" ht="19.5" customHeight="1" x14ac:dyDescent="0.15">
      <c r="A9" s="21">
        <v>4</v>
      </c>
      <c r="B9" s="22" t="s">
        <v>16</v>
      </c>
      <c r="C9" s="24">
        <v>64.88</v>
      </c>
      <c r="D9" s="23">
        <v>26</v>
      </c>
      <c r="E9" s="25">
        <v>65.180000000000007</v>
      </c>
      <c r="F9" s="26">
        <v>26</v>
      </c>
      <c r="G9" s="25">
        <v>64.67</v>
      </c>
      <c r="H9" s="26">
        <v>29</v>
      </c>
      <c r="I9" s="27">
        <v>64.319999999999993</v>
      </c>
      <c r="J9" s="28">
        <v>29</v>
      </c>
      <c r="K9" s="29">
        <v>64.5</v>
      </c>
      <c r="L9" s="30">
        <v>30</v>
      </c>
      <c r="M9" s="31">
        <v>65.72</v>
      </c>
      <c r="N9" s="32">
        <v>30</v>
      </c>
    </row>
    <row r="10" spans="1:16" ht="19.5" customHeight="1" x14ac:dyDescent="0.15">
      <c r="A10" s="21">
        <v>5</v>
      </c>
      <c r="B10" s="22" t="s">
        <v>17</v>
      </c>
      <c r="C10" s="24">
        <v>81.94</v>
      </c>
      <c r="D10" s="23">
        <v>3</v>
      </c>
      <c r="E10" s="25">
        <v>82.62</v>
      </c>
      <c r="F10" s="26">
        <v>2</v>
      </c>
      <c r="G10" s="25">
        <v>81.95</v>
      </c>
      <c r="H10" s="26">
        <v>3</v>
      </c>
      <c r="I10" s="27">
        <v>82.98</v>
      </c>
      <c r="J10" s="28">
        <v>2</v>
      </c>
      <c r="K10" s="29">
        <v>84.44</v>
      </c>
      <c r="L10" s="30">
        <v>3</v>
      </c>
      <c r="M10" s="31">
        <v>85.34</v>
      </c>
      <c r="N10" s="32">
        <v>3</v>
      </c>
    </row>
    <row r="11" spans="1:16" ht="19.5" customHeight="1" x14ac:dyDescent="0.15">
      <c r="A11" s="21">
        <v>6</v>
      </c>
      <c r="B11" s="22" t="s">
        <v>18</v>
      </c>
      <c r="C11" s="24">
        <v>72.959999999999994</v>
      </c>
      <c r="D11" s="23">
        <v>17</v>
      </c>
      <c r="E11" s="25">
        <v>73.459999999999994</v>
      </c>
      <c r="F11" s="26">
        <v>16</v>
      </c>
      <c r="G11" s="25">
        <v>75.099999999999994</v>
      </c>
      <c r="H11" s="26">
        <v>16</v>
      </c>
      <c r="I11" s="27">
        <v>75.650000000000006</v>
      </c>
      <c r="J11" s="28">
        <v>18</v>
      </c>
      <c r="K11" s="29">
        <v>75.010000000000005</v>
      </c>
      <c r="L11" s="30">
        <v>20</v>
      </c>
      <c r="M11" s="31">
        <v>75.430000000000007</v>
      </c>
      <c r="N11" s="32">
        <v>20</v>
      </c>
    </row>
    <row r="12" spans="1:16" ht="19.5" customHeight="1" x14ac:dyDescent="0.15">
      <c r="A12" s="21">
        <v>7</v>
      </c>
      <c r="B12" s="22" t="s">
        <v>19</v>
      </c>
      <c r="C12" s="24">
        <v>70.38</v>
      </c>
      <c r="D12" s="23">
        <v>19</v>
      </c>
      <c r="E12" s="25">
        <v>69.7</v>
      </c>
      <c r="F12" s="26">
        <v>20</v>
      </c>
      <c r="G12" s="25">
        <v>71.28</v>
      </c>
      <c r="H12" s="26">
        <v>21</v>
      </c>
      <c r="I12" s="27">
        <v>72.92</v>
      </c>
      <c r="J12" s="28">
        <v>21</v>
      </c>
      <c r="K12" s="29">
        <v>78.760000000000005</v>
      </c>
      <c r="L12" s="30">
        <v>14</v>
      </c>
      <c r="M12" s="31">
        <v>79.55</v>
      </c>
      <c r="N12" s="32">
        <v>12</v>
      </c>
    </row>
    <row r="13" spans="1:16" ht="19.5" customHeight="1" x14ac:dyDescent="0.15">
      <c r="A13" s="21">
        <v>8</v>
      </c>
      <c r="B13" s="22" t="s">
        <v>20</v>
      </c>
      <c r="C13" s="24">
        <v>76.08</v>
      </c>
      <c r="D13" s="23">
        <v>9</v>
      </c>
      <c r="E13" s="25">
        <v>78.91</v>
      </c>
      <c r="F13" s="26">
        <v>8</v>
      </c>
      <c r="G13" s="25">
        <v>79.52</v>
      </c>
      <c r="H13" s="26">
        <v>10</v>
      </c>
      <c r="I13" s="27">
        <v>80.12</v>
      </c>
      <c r="J13" s="28">
        <v>10</v>
      </c>
      <c r="K13" s="29">
        <v>80.42</v>
      </c>
      <c r="L13" s="30">
        <v>11</v>
      </c>
      <c r="M13" s="31">
        <v>81.099999999999994</v>
      </c>
      <c r="N13" s="32">
        <v>10</v>
      </c>
    </row>
    <row r="14" spans="1:16" ht="19.5" customHeight="1" x14ac:dyDescent="0.15">
      <c r="A14" s="21">
        <v>9</v>
      </c>
      <c r="B14" s="22" t="s">
        <v>21</v>
      </c>
      <c r="C14" s="24">
        <v>81.78</v>
      </c>
      <c r="D14" s="23">
        <v>4</v>
      </c>
      <c r="E14" s="25">
        <v>80.930000000000007</v>
      </c>
      <c r="F14" s="26">
        <v>6</v>
      </c>
      <c r="G14" s="25">
        <v>81.14</v>
      </c>
      <c r="H14" s="26">
        <v>7</v>
      </c>
      <c r="I14" s="27">
        <v>82.34</v>
      </c>
      <c r="J14" s="28">
        <v>7</v>
      </c>
      <c r="K14" s="29">
        <v>80.989999999999995</v>
      </c>
      <c r="L14" s="30">
        <v>10</v>
      </c>
      <c r="M14" s="31">
        <v>79.13</v>
      </c>
      <c r="N14" s="32">
        <v>14</v>
      </c>
    </row>
    <row r="15" spans="1:16" ht="19.5" customHeight="1" x14ac:dyDescent="0.15">
      <c r="A15" s="21">
        <v>10</v>
      </c>
      <c r="B15" s="22" t="s">
        <v>22</v>
      </c>
      <c r="C15" s="24">
        <v>60.86</v>
      </c>
      <c r="D15" s="23">
        <v>30</v>
      </c>
      <c r="E15" s="25">
        <v>60.42</v>
      </c>
      <c r="F15" s="26">
        <v>30</v>
      </c>
      <c r="G15" s="25">
        <v>61.94</v>
      </c>
      <c r="H15" s="26">
        <v>30</v>
      </c>
      <c r="I15" s="27">
        <v>62.08</v>
      </c>
      <c r="J15" s="28">
        <v>31</v>
      </c>
      <c r="K15" s="29">
        <v>62.97</v>
      </c>
      <c r="L15" s="30">
        <v>32</v>
      </c>
      <c r="M15" s="31">
        <v>64.11</v>
      </c>
      <c r="N15" s="32">
        <v>32</v>
      </c>
    </row>
    <row r="16" spans="1:16" ht="19.5" customHeight="1" x14ac:dyDescent="0.15">
      <c r="A16" s="21">
        <v>11</v>
      </c>
      <c r="B16" s="22" t="s">
        <v>23</v>
      </c>
      <c r="C16" s="24">
        <v>67.650000000000006</v>
      </c>
      <c r="D16" s="23">
        <v>21</v>
      </c>
      <c r="E16" s="25">
        <v>68.099999999999994</v>
      </c>
      <c r="F16" s="26">
        <v>23</v>
      </c>
      <c r="G16" s="25">
        <v>70.72</v>
      </c>
      <c r="H16" s="26">
        <v>22</v>
      </c>
      <c r="I16" s="27">
        <v>72.67</v>
      </c>
      <c r="J16" s="28">
        <v>22</v>
      </c>
      <c r="K16" s="29">
        <v>73.09</v>
      </c>
      <c r="L16" s="30">
        <v>22</v>
      </c>
      <c r="M16" s="31">
        <v>74.69</v>
      </c>
      <c r="N16" s="32">
        <v>23</v>
      </c>
    </row>
    <row r="17" spans="1:14" ht="19.5" customHeight="1" x14ac:dyDescent="0.15">
      <c r="A17" s="21">
        <v>12</v>
      </c>
      <c r="B17" s="22" t="s">
        <v>24</v>
      </c>
      <c r="C17" s="24">
        <v>66.7</v>
      </c>
      <c r="D17" s="23">
        <v>23</v>
      </c>
      <c r="E17" s="25">
        <v>68.2</v>
      </c>
      <c r="F17" s="26">
        <v>22</v>
      </c>
      <c r="G17" s="25">
        <v>69.91</v>
      </c>
      <c r="H17" s="26">
        <v>24</v>
      </c>
      <c r="I17" s="27">
        <v>71.73</v>
      </c>
      <c r="J17" s="28">
        <v>23</v>
      </c>
      <c r="K17" s="29">
        <v>71.44</v>
      </c>
      <c r="L17" s="30">
        <v>24</v>
      </c>
      <c r="M17" s="31">
        <v>71.72</v>
      </c>
      <c r="N17" s="32">
        <v>24</v>
      </c>
    </row>
    <row r="18" spans="1:14" ht="19.5" customHeight="1" x14ac:dyDescent="0.15">
      <c r="A18" s="21">
        <v>13</v>
      </c>
      <c r="B18" s="22" t="s">
        <v>25</v>
      </c>
      <c r="C18" s="24">
        <v>67.540000000000006</v>
      </c>
      <c r="D18" s="23">
        <v>22</v>
      </c>
      <c r="E18" s="25">
        <v>69.599999999999994</v>
      </c>
      <c r="F18" s="26">
        <v>21</v>
      </c>
      <c r="G18" s="25">
        <v>71.89</v>
      </c>
      <c r="H18" s="26">
        <v>20</v>
      </c>
      <c r="I18" s="27">
        <v>74.03</v>
      </c>
      <c r="J18" s="28">
        <v>20</v>
      </c>
      <c r="K18" s="29">
        <v>76.78</v>
      </c>
      <c r="L18" s="30">
        <v>19</v>
      </c>
      <c r="M18" s="31">
        <v>78.06</v>
      </c>
      <c r="N18" s="32">
        <v>17</v>
      </c>
    </row>
    <row r="19" spans="1:14" ht="19.5" customHeight="1" x14ac:dyDescent="0.15">
      <c r="A19" s="21">
        <v>14</v>
      </c>
      <c r="B19" s="22" t="s">
        <v>26</v>
      </c>
      <c r="C19" s="24">
        <v>58.03</v>
      </c>
      <c r="D19" s="23">
        <v>31</v>
      </c>
      <c r="E19" s="25">
        <v>60.1</v>
      </c>
      <c r="F19" s="26">
        <v>31</v>
      </c>
      <c r="G19" s="25">
        <v>61.88</v>
      </c>
      <c r="H19" s="26">
        <v>31</v>
      </c>
      <c r="I19" s="27">
        <v>64.099999999999994</v>
      </c>
      <c r="J19" s="28">
        <v>30</v>
      </c>
      <c r="K19" s="29">
        <v>65.66</v>
      </c>
      <c r="L19" s="30">
        <v>29</v>
      </c>
      <c r="M19" s="31">
        <v>66.38</v>
      </c>
      <c r="N19" s="32">
        <v>29</v>
      </c>
    </row>
    <row r="20" spans="1:14" ht="19.5" customHeight="1" x14ac:dyDescent="0.15">
      <c r="A20" s="21">
        <v>15</v>
      </c>
      <c r="B20" s="22" t="s">
        <v>27</v>
      </c>
      <c r="C20" s="24">
        <v>62.96</v>
      </c>
      <c r="D20" s="23">
        <v>28</v>
      </c>
      <c r="E20" s="25">
        <v>63.29</v>
      </c>
      <c r="F20" s="26">
        <v>29</v>
      </c>
      <c r="G20" s="25">
        <v>65.92</v>
      </c>
      <c r="H20" s="26">
        <v>27</v>
      </c>
      <c r="I20" s="27">
        <v>66.3</v>
      </c>
      <c r="J20" s="28">
        <v>28</v>
      </c>
      <c r="K20" s="29">
        <v>67.77</v>
      </c>
      <c r="L20" s="30">
        <v>28</v>
      </c>
      <c r="M20" s="31">
        <v>69.52</v>
      </c>
      <c r="N20" s="32">
        <v>26</v>
      </c>
    </row>
    <row r="21" spans="1:14" ht="19.5" customHeight="1" x14ac:dyDescent="0.15">
      <c r="A21" s="21">
        <v>16</v>
      </c>
      <c r="B21" s="22" t="s">
        <v>28</v>
      </c>
      <c r="C21" s="24">
        <v>57.52</v>
      </c>
      <c r="D21" s="23">
        <v>32</v>
      </c>
      <c r="E21" s="25">
        <v>58.13</v>
      </c>
      <c r="F21" s="26">
        <v>32</v>
      </c>
      <c r="G21" s="25">
        <v>59.03</v>
      </c>
      <c r="H21" s="26">
        <v>33</v>
      </c>
      <c r="I21" s="27">
        <v>59.11</v>
      </c>
      <c r="J21" s="28">
        <v>33</v>
      </c>
      <c r="K21" s="29">
        <v>59.97</v>
      </c>
      <c r="L21" s="30">
        <v>33</v>
      </c>
      <c r="M21" s="31">
        <v>60.61</v>
      </c>
      <c r="N21" s="32">
        <v>33</v>
      </c>
    </row>
    <row r="22" spans="1:14" ht="19.5" customHeight="1" x14ac:dyDescent="0.15">
      <c r="A22" s="21">
        <v>17</v>
      </c>
      <c r="B22" s="22" t="s">
        <v>29</v>
      </c>
      <c r="C22" s="24">
        <v>56.26</v>
      </c>
      <c r="D22" s="23">
        <v>33</v>
      </c>
      <c r="E22" s="25">
        <v>57.88</v>
      </c>
      <c r="F22" s="26">
        <v>33</v>
      </c>
      <c r="G22" s="25">
        <v>60.42</v>
      </c>
      <c r="H22" s="26">
        <v>32</v>
      </c>
      <c r="I22" s="27">
        <v>62.01</v>
      </c>
      <c r="J22" s="28">
        <v>32</v>
      </c>
      <c r="K22" s="29">
        <v>63</v>
      </c>
      <c r="L22" s="30">
        <v>31</v>
      </c>
      <c r="M22" s="31">
        <v>65.39</v>
      </c>
      <c r="N22" s="32">
        <v>31</v>
      </c>
    </row>
    <row r="23" spans="1:14" ht="19.5" customHeight="1" x14ac:dyDescent="0.15">
      <c r="A23" s="21">
        <v>18</v>
      </c>
      <c r="B23" s="22" t="s">
        <v>30</v>
      </c>
      <c r="C23" s="24">
        <v>73.33</v>
      </c>
      <c r="D23" s="23">
        <v>15</v>
      </c>
      <c r="E23" s="25">
        <v>71.97</v>
      </c>
      <c r="F23" s="26">
        <v>18</v>
      </c>
      <c r="G23" s="25">
        <v>73.7</v>
      </c>
      <c r="H23" s="26">
        <v>19</v>
      </c>
      <c r="I23" s="27">
        <v>75.95</v>
      </c>
      <c r="J23" s="28">
        <v>16</v>
      </c>
      <c r="K23" s="29">
        <v>76.98</v>
      </c>
      <c r="L23" s="30">
        <v>18</v>
      </c>
      <c r="M23" s="31">
        <v>79.36</v>
      </c>
      <c r="N23" s="32">
        <v>13</v>
      </c>
    </row>
    <row r="24" spans="1:14" ht="19.5" customHeight="1" thickBot="1" x14ac:dyDescent="0.2">
      <c r="A24" s="35">
        <v>21</v>
      </c>
      <c r="B24" s="36" t="s">
        <v>31</v>
      </c>
      <c r="C24" s="38">
        <v>62.88</v>
      </c>
      <c r="D24" s="37">
        <v>29</v>
      </c>
      <c r="E24" s="39">
        <v>64.25</v>
      </c>
      <c r="F24" s="40">
        <v>27</v>
      </c>
      <c r="G24" s="39">
        <v>68.180000000000007</v>
      </c>
      <c r="H24" s="40">
        <v>25</v>
      </c>
      <c r="I24" s="41">
        <v>69.37</v>
      </c>
      <c r="J24" s="42">
        <v>24</v>
      </c>
      <c r="K24" s="43">
        <v>69.92</v>
      </c>
      <c r="L24" s="44">
        <v>25</v>
      </c>
      <c r="M24" s="45">
        <v>70.89</v>
      </c>
      <c r="N24" s="46">
        <v>25</v>
      </c>
    </row>
    <row r="25" spans="1:14" ht="19.5" customHeight="1" thickTop="1" x14ac:dyDescent="0.15">
      <c r="A25" s="21">
        <v>19</v>
      </c>
      <c r="B25" s="22" t="s">
        <v>32</v>
      </c>
      <c r="C25" s="47">
        <v>73.16</v>
      </c>
      <c r="D25" s="48">
        <v>16</v>
      </c>
      <c r="E25" s="49">
        <v>74.510000000000005</v>
      </c>
      <c r="F25" s="50">
        <v>15</v>
      </c>
      <c r="G25" s="49">
        <v>80.84</v>
      </c>
      <c r="H25" s="50">
        <v>8</v>
      </c>
      <c r="I25" s="51">
        <v>82.56</v>
      </c>
      <c r="J25" s="28">
        <v>6</v>
      </c>
      <c r="K25" s="52">
        <v>84.71</v>
      </c>
      <c r="L25" s="53">
        <v>1</v>
      </c>
      <c r="M25" s="54">
        <v>85.83</v>
      </c>
      <c r="N25" s="32">
        <v>2</v>
      </c>
    </row>
    <row r="26" spans="1:14" ht="19.5" customHeight="1" x14ac:dyDescent="0.15">
      <c r="A26" s="21">
        <v>20</v>
      </c>
      <c r="B26" s="22" t="s">
        <v>33</v>
      </c>
      <c r="C26" s="24">
        <v>74.239999999999995</v>
      </c>
      <c r="D26" s="23">
        <v>12</v>
      </c>
      <c r="E26" s="25">
        <v>79.34</v>
      </c>
      <c r="F26" s="26">
        <v>7</v>
      </c>
      <c r="G26" s="25">
        <v>81.27</v>
      </c>
      <c r="H26" s="26">
        <v>6</v>
      </c>
      <c r="I26" s="27">
        <v>82.09</v>
      </c>
      <c r="J26" s="28">
        <v>8</v>
      </c>
      <c r="K26" s="29">
        <v>81.47</v>
      </c>
      <c r="L26" s="30">
        <v>8</v>
      </c>
      <c r="M26" s="31">
        <v>81.5</v>
      </c>
      <c r="N26" s="32">
        <v>9</v>
      </c>
    </row>
    <row r="27" spans="1:14" ht="19.5" customHeight="1" x14ac:dyDescent="0.15">
      <c r="A27" s="21">
        <v>22</v>
      </c>
      <c r="B27" s="22" t="s">
        <v>34</v>
      </c>
      <c r="C27" s="24">
        <v>75.67</v>
      </c>
      <c r="D27" s="23">
        <v>10</v>
      </c>
      <c r="E27" s="25">
        <v>76.38</v>
      </c>
      <c r="F27" s="26">
        <v>12</v>
      </c>
      <c r="G27" s="25">
        <v>76.260000000000005</v>
      </c>
      <c r="H27" s="26">
        <v>14</v>
      </c>
      <c r="I27" s="27">
        <v>77.62</v>
      </c>
      <c r="J27" s="28">
        <v>14</v>
      </c>
      <c r="K27" s="29">
        <v>79.12</v>
      </c>
      <c r="L27" s="30">
        <v>13</v>
      </c>
      <c r="M27" s="31">
        <v>82.29</v>
      </c>
      <c r="N27" s="32">
        <v>8</v>
      </c>
    </row>
    <row r="28" spans="1:14" ht="19.5" customHeight="1" x14ac:dyDescent="0.15">
      <c r="A28" s="21">
        <v>23</v>
      </c>
      <c r="B28" s="22" t="s">
        <v>35</v>
      </c>
      <c r="C28" s="24">
        <v>75.59</v>
      </c>
      <c r="D28" s="23">
        <v>11</v>
      </c>
      <c r="E28" s="25">
        <v>76.739999999999995</v>
      </c>
      <c r="F28" s="26">
        <v>10</v>
      </c>
      <c r="G28" s="25">
        <v>77.36</v>
      </c>
      <c r="H28" s="26">
        <v>13</v>
      </c>
      <c r="I28" s="27">
        <v>77.23</v>
      </c>
      <c r="J28" s="28">
        <v>15</v>
      </c>
      <c r="K28" s="29">
        <v>78.069999999999993</v>
      </c>
      <c r="L28" s="30">
        <v>15</v>
      </c>
      <c r="M28" s="31">
        <v>78.37</v>
      </c>
      <c r="N28" s="32">
        <v>15</v>
      </c>
    </row>
    <row r="29" spans="1:14" ht="19.5" customHeight="1" x14ac:dyDescent="0.15">
      <c r="A29" s="21">
        <v>24</v>
      </c>
      <c r="B29" s="22" t="s">
        <v>36</v>
      </c>
      <c r="C29" s="24">
        <v>82.44</v>
      </c>
      <c r="D29" s="23">
        <v>2</v>
      </c>
      <c r="E29" s="25">
        <v>81.59</v>
      </c>
      <c r="F29" s="26">
        <v>4</v>
      </c>
      <c r="G29" s="25">
        <v>81.83</v>
      </c>
      <c r="H29" s="26">
        <v>5</v>
      </c>
      <c r="I29" s="27">
        <v>82.71</v>
      </c>
      <c r="J29" s="28">
        <v>4</v>
      </c>
      <c r="K29" s="29">
        <v>83.25</v>
      </c>
      <c r="L29" s="30">
        <v>5</v>
      </c>
      <c r="M29" s="31">
        <v>83.67</v>
      </c>
      <c r="N29" s="32">
        <v>7</v>
      </c>
    </row>
    <row r="30" spans="1:14" ht="19.5" customHeight="1" x14ac:dyDescent="0.15">
      <c r="A30" s="21">
        <v>25</v>
      </c>
      <c r="B30" s="22" t="s">
        <v>37</v>
      </c>
      <c r="C30" s="24">
        <v>74.19</v>
      </c>
      <c r="D30" s="23">
        <v>13</v>
      </c>
      <c r="E30" s="25">
        <v>75.040000000000006</v>
      </c>
      <c r="F30" s="26">
        <v>14</v>
      </c>
      <c r="G30" s="25">
        <v>74.52</v>
      </c>
      <c r="H30" s="26">
        <v>17</v>
      </c>
      <c r="I30" s="27">
        <v>75.66</v>
      </c>
      <c r="J30" s="28">
        <v>17</v>
      </c>
      <c r="K30" s="29">
        <v>77.209999999999994</v>
      </c>
      <c r="L30" s="30">
        <v>17</v>
      </c>
      <c r="M30" s="31">
        <v>77.849999999999994</v>
      </c>
      <c r="N30" s="32">
        <v>18</v>
      </c>
    </row>
    <row r="31" spans="1:14" ht="19.5" customHeight="1" x14ac:dyDescent="0.15">
      <c r="A31" s="21">
        <v>26</v>
      </c>
      <c r="B31" s="22" t="s">
        <v>38</v>
      </c>
      <c r="C31" s="24">
        <v>79.45</v>
      </c>
      <c r="D31" s="23">
        <v>6</v>
      </c>
      <c r="E31" s="25">
        <v>81.38</v>
      </c>
      <c r="F31" s="26">
        <v>5</v>
      </c>
      <c r="G31" s="25">
        <v>82.3</v>
      </c>
      <c r="H31" s="26">
        <v>2</v>
      </c>
      <c r="I31" s="27">
        <v>82.92</v>
      </c>
      <c r="J31" s="28">
        <v>3</v>
      </c>
      <c r="K31" s="29">
        <v>83.93</v>
      </c>
      <c r="L31" s="30">
        <v>4</v>
      </c>
      <c r="M31" s="31">
        <v>84.29</v>
      </c>
      <c r="N31" s="32">
        <v>4</v>
      </c>
    </row>
    <row r="32" spans="1:14" ht="19.5" customHeight="1" x14ac:dyDescent="0.15">
      <c r="A32" s="21">
        <v>27</v>
      </c>
      <c r="B32" s="22" t="s">
        <v>39</v>
      </c>
      <c r="C32" s="24">
        <v>81.3</v>
      </c>
      <c r="D32" s="23">
        <v>5</v>
      </c>
      <c r="E32" s="25">
        <v>81.84</v>
      </c>
      <c r="F32" s="26">
        <v>3</v>
      </c>
      <c r="G32" s="25">
        <v>81.88</v>
      </c>
      <c r="H32" s="26">
        <v>4</v>
      </c>
      <c r="I32" s="27">
        <v>83.48</v>
      </c>
      <c r="J32" s="28">
        <v>1</v>
      </c>
      <c r="K32" s="29">
        <v>84.46</v>
      </c>
      <c r="L32" s="30">
        <v>2</v>
      </c>
      <c r="M32" s="31">
        <v>84.26</v>
      </c>
      <c r="N32" s="32">
        <v>5</v>
      </c>
    </row>
    <row r="33" spans="1:29" ht="19.5" customHeight="1" x14ac:dyDescent="0.15">
      <c r="A33" s="21">
        <v>28</v>
      </c>
      <c r="B33" s="22" t="s">
        <v>40</v>
      </c>
      <c r="C33" s="24">
        <v>78.39</v>
      </c>
      <c r="D33" s="23">
        <v>7</v>
      </c>
      <c r="E33" s="25">
        <v>76.709999999999994</v>
      </c>
      <c r="F33" s="26">
        <v>11</v>
      </c>
      <c r="G33" s="25">
        <v>78.42</v>
      </c>
      <c r="H33" s="26">
        <v>12</v>
      </c>
      <c r="I33" s="27">
        <v>77.900000000000006</v>
      </c>
      <c r="J33" s="28">
        <v>13</v>
      </c>
      <c r="K33" s="29">
        <v>77.41</v>
      </c>
      <c r="L33" s="30">
        <v>16</v>
      </c>
      <c r="M33" s="31">
        <v>77.41</v>
      </c>
      <c r="N33" s="32">
        <v>19</v>
      </c>
    </row>
    <row r="34" spans="1:29" ht="19.5" customHeight="1" x14ac:dyDescent="0.15">
      <c r="A34" s="21">
        <v>29</v>
      </c>
      <c r="B34" s="22" t="s">
        <v>41</v>
      </c>
      <c r="C34" s="24">
        <v>70.900000000000006</v>
      </c>
      <c r="D34" s="23">
        <v>18</v>
      </c>
      <c r="E34" s="25">
        <v>70.959999999999994</v>
      </c>
      <c r="F34" s="26">
        <v>19</v>
      </c>
      <c r="G34" s="25">
        <v>73.89</v>
      </c>
      <c r="H34" s="26">
        <v>18</v>
      </c>
      <c r="I34" s="27">
        <v>75.36</v>
      </c>
      <c r="J34" s="28">
        <v>19</v>
      </c>
      <c r="K34" s="29">
        <v>74.72</v>
      </c>
      <c r="L34" s="30">
        <v>21</v>
      </c>
      <c r="M34" s="31">
        <v>75.14</v>
      </c>
      <c r="N34" s="32">
        <v>21</v>
      </c>
    </row>
    <row r="35" spans="1:29" ht="19.5" customHeight="1" x14ac:dyDescent="0.15">
      <c r="A35" s="21">
        <v>30</v>
      </c>
      <c r="B35" s="22" t="s">
        <v>42</v>
      </c>
      <c r="C35" s="24">
        <v>63.6</v>
      </c>
      <c r="D35" s="23">
        <v>27</v>
      </c>
      <c r="E35" s="25">
        <v>63.65</v>
      </c>
      <c r="F35" s="26">
        <v>28</v>
      </c>
      <c r="G35" s="25">
        <v>65.59</v>
      </c>
      <c r="H35" s="26">
        <v>28</v>
      </c>
      <c r="I35" s="27">
        <v>68.38</v>
      </c>
      <c r="J35" s="28">
        <v>26</v>
      </c>
      <c r="K35" s="29">
        <v>69.099999999999994</v>
      </c>
      <c r="L35" s="30">
        <v>26</v>
      </c>
      <c r="M35" s="31">
        <v>68.72</v>
      </c>
      <c r="N35" s="32">
        <v>27</v>
      </c>
    </row>
    <row r="36" spans="1:29" ht="19.5" customHeight="1" x14ac:dyDescent="0.15">
      <c r="A36" s="21">
        <v>31</v>
      </c>
      <c r="B36" s="22" t="s">
        <v>43</v>
      </c>
      <c r="C36" s="24">
        <v>65.66</v>
      </c>
      <c r="D36" s="23">
        <v>24</v>
      </c>
      <c r="E36" s="25">
        <v>66.709999999999994</v>
      </c>
      <c r="F36" s="26">
        <v>24</v>
      </c>
      <c r="G36" s="25">
        <v>69.95</v>
      </c>
      <c r="H36" s="26">
        <v>23</v>
      </c>
      <c r="I36" s="27">
        <v>68.67</v>
      </c>
      <c r="J36" s="28">
        <v>25</v>
      </c>
      <c r="K36" s="29">
        <v>68.67</v>
      </c>
      <c r="L36" s="30">
        <v>27</v>
      </c>
      <c r="M36" s="31">
        <v>68.02</v>
      </c>
      <c r="N36" s="32">
        <v>28</v>
      </c>
    </row>
    <row r="37" spans="1:29" ht="19.5" customHeight="1" x14ac:dyDescent="0.15">
      <c r="A37" s="55">
        <v>32</v>
      </c>
      <c r="B37" s="56" t="s">
        <v>44</v>
      </c>
      <c r="C37" s="58">
        <v>65.319999999999993</v>
      </c>
      <c r="D37" s="57">
        <v>25</v>
      </c>
      <c r="E37" s="59">
        <v>65.33</v>
      </c>
      <c r="F37" s="60">
        <v>25</v>
      </c>
      <c r="G37" s="59">
        <v>66.27</v>
      </c>
      <c r="H37" s="60">
        <v>26</v>
      </c>
      <c r="I37" s="61">
        <v>67.86</v>
      </c>
      <c r="J37" s="62">
        <v>27</v>
      </c>
      <c r="K37" s="63">
        <v>72.25</v>
      </c>
      <c r="L37" s="64">
        <v>23</v>
      </c>
      <c r="M37" s="65">
        <v>74.739999999999995</v>
      </c>
      <c r="N37" s="66">
        <v>22</v>
      </c>
    </row>
    <row r="38" spans="1:29" ht="19.5" customHeight="1" thickBot="1" x14ac:dyDescent="0.2">
      <c r="A38" s="67">
        <v>33</v>
      </c>
      <c r="B38" s="36" t="s">
        <v>45</v>
      </c>
      <c r="C38" s="38">
        <v>84.92</v>
      </c>
      <c r="D38" s="37">
        <v>1</v>
      </c>
      <c r="E38" s="39">
        <v>84.41</v>
      </c>
      <c r="F38" s="40">
        <v>1</v>
      </c>
      <c r="G38" s="39">
        <v>83.76</v>
      </c>
      <c r="H38" s="40">
        <v>1</v>
      </c>
      <c r="I38" s="41">
        <v>82.67</v>
      </c>
      <c r="J38" s="42">
        <v>5</v>
      </c>
      <c r="K38" s="43">
        <v>81.38</v>
      </c>
      <c r="L38" s="44">
        <v>9</v>
      </c>
      <c r="M38" s="45">
        <v>81.099999999999994</v>
      </c>
      <c r="N38" s="46">
        <v>10</v>
      </c>
    </row>
    <row r="39" spans="1:29" ht="19.5" hidden="1" customHeight="1" thickTop="1" x14ac:dyDescent="0.15">
      <c r="A39" s="21">
        <v>34</v>
      </c>
      <c r="B39" s="68" t="s">
        <v>46</v>
      </c>
      <c r="C39" s="70" t="s">
        <v>47</v>
      </c>
      <c r="D39" s="71" t="s">
        <v>47</v>
      </c>
      <c r="E39" s="72"/>
      <c r="F39" s="73"/>
      <c r="G39" s="72"/>
      <c r="H39" s="73"/>
      <c r="I39" s="74"/>
      <c r="J39" s="74"/>
      <c r="K39" s="70"/>
      <c r="L39" s="74"/>
      <c r="M39" s="69" t="s">
        <v>48</v>
      </c>
      <c r="N39" s="75" t="s">
        <v>47</v>
      </c>
    </row>
    <row r="40" spans="1:29" ht="19.5" hidden="1" customHeight="1" x14ac:dyDescent="0.15">
      <c r="A40" s="21">
        <v>35</v>
      </c>
      <c r="B40" s="22" t="s">
        <v>49</v>
      </c>
      <c r="C40" s="77" t="s">
        <v>47</v>
      </c>
      <c r="D40" s="78" t="s">
        <v>47</v>
      </c>
      <c r="E40" s="79"/>
      <c r="F40" s="80"/>
      <c r="G40" s="79"/>
      <c r="H40" s="80"/>
      <c r="I40" s="81"/>
      <c r="J40" s="81"/>
      <c r="K40" s="77"/>
      <c r="L40" s="81"/>
      <c r="M40" s="76" t="s">
        <v>48</v>
      </c>
      <c r="N40" s="82" t="s">
        <v>47</v>
      </c>
    </row>
    <row r="41" spans="1:29" ht="19.5" hidden="1" customHeight="1" x14ac:dyDescent="0.15">
      <c r="A41" s="21">
        <v>36</v>
      </c>
      <c r="B41" s="22" t="s">
        <v>50</v>
      </c>
      <c r="C41" s="77" t="s">
        <v>47</v>
      </c>
      <c r="D41" s="78" t="s">
        <v>47</v>
      </c>
      <c r="E41" s="79"/>
      <c r="F41" s="80"/>
      <c r="G41" s="79"/>
      <c r="H41" s="80"/>
      <c r="I41" s="81"/>
      <c r="J41" s="81"/>
      <c r="K41" s="77"/>
      <c r="L41" s="81"/>
      <c r="M41" s="76" t="s">
        <v>48</v>
      </c>
      <c r="N41" s="82" t="s">
        <v>47</v>
      </c>
    </row>
    <row r="42" spans="1:29" ht="19.5" hidden="1" customHeight="1" thickBot="1" x14ac:dyDescent="0.2">
      <c r="A42" s="35">
        <v>37</v>
      </c>
      <c r="B42" s="36" t="s">
        <v>51</v>
      </c>
      <c r="C42" s="84" t="s">
        <v>47</v>
      </c>
      <c r="D42" s="85" t="s">
        <v>47</v>
      </c>
      <c r="E42" s="86"/>
      <c r="F42" s="87"/>
      <c r="G42" s="86"/>
      <c r="H42" s="87"/>
      <c r="I42" s="88"/>
      <c r="J42" s="88"/>
      <c r="K42" s="84"/>
      <c r="L42" s="88"/>
      <c r="M42" s="83" t="s">
        <v>48</v>
      </c>
      <c r="N42" s="89" t="s">
        <v>47</v>
      </c>
    </row>
    <row r="43" spans="1:29" ht="19.5" customHeight="1" thickTop="1" x14ac:dyDescent="0.15">
      <c r="A43" s="21">
        <v>301</v>
      </c>
      <c r="B43" s="68" t="s">
        <v>52</v>
      </c>
      <c r="C43" s="90">
        <v>99.97</v>
      </c>
      <c r="D43" s="91">
        <v>5</v>
      </c>
      <c r="E43" s="92">
        <v>99.96</v>
      </c>
      <c r="F43" s="93">
        <v>5</v>
      </c>
      <c r="G43" s="92">
        <v>99.99</v>
      </c>
      <c r="H43" s="93">
        <v>5</v>
      </c>
      <c r="I43" s="51">
        <v>99.97</v>
      </c>
      <c r="J43" s="94">
        <v>5</v>
      </c>
      <c r="K43" s="95">
        <v>99.93</v>
      </c>
      <c r="L43" s="53">
        <v>5</v>
      </c>
      <c r="M43" s="54">
        <v>99.93</v>
      </c>
      <c r="N43" s="96">
        <v>5</v>
      </c>
      <c r="O43" s="5"/>
      <c r="P43" s="5"/>
      <c r="Q43" s="5"/>
      <c r="R43" s="5"/>
      <c r="S43" s="5"/>
      <c r="T43" s="5"/>
      <c r="U43" s="5"/>
      <c r="V43" s="5"/>
      <c r="W43" s="5"/>
      <c r="X43" s="5"/>
      <c r="Y43" s="5"/>
      <c r="Z43" s="5"/>
      <c r="AA43" s="5"/>
      <c r="AB43" s="5"/>
      <c r="AC43" s="5"/>
    </row>
    <row r="44" spans="1:29" ht="19.5" customHeight="1" x14ac:dyDescent="0.15">
      <c r="A44" s="21">
        <v>302</v>
      </c>
      <c r="B44" s="22" t="s">
        <v>53</v>
      </c>
      <c r="C44" s="34">
        <v>99.8</v>
      </c>
      <c r="D44" s="97">
        <v>6</v>
      </c>
      <c r="E44" s="98">
        <v>99.87</v>
      </c>
      <c r="F44" s="99">
        <v>6</v>
      </c>
      <c r="G44" s="98">
        <v>99.99</v>
      </c>
      <c r="H44" s="99">
        <v>6</v>
      </c>
      <c r="I44" s="27">
        <v>99.91</v>
      </c>
      <c r="J44" s="100">
        <v>6</v>
      </c>
      <c r="K44" s="101">
        <v>99.9</v>
      </c>
      <c r="L44" s="30">
        <v>6</v>
      </c>
      <c r="M44" s="31">
        <v>99.9</v>
      </c>
      <c r="N44" s="102">
        <v>6</v>
      </c>
      <c r="O44" s="5"/>
      <c r="P44" s="5"/>
      <c r="Q44" s="5"/>
      <c r="R44" s="5"/>
      <c r="S44" s="5"/>
      <c r="T44" s="5"/>
      <c r="U44" s="5"/>
      <c r="V44" s="5"/>
      <c r="W44" s="5"/>
      <c r="X44" s="5"/>
      <c r="Y44" s="5"/>
      <c r="Z44" s="5"/>
      <c r="AA44" s="5"/>
      <c r="AB44" s="5"/>
      <c r="AC44" s="5"/>
    </row>
    <row r="45" spans="1:29" ht="19.5" customHeight="1" x14ac:dyDescent="0.15">
      <c r="A45" s="21">
        <v>303</v>
      </c>
      <c r="B45" s="22" t="s">
        <v>54</v>
      </c>
      <c r="C45" s="34">
        <v>100</v>
      </c>
      <c r="D45" s="97">
        <v>1</v>
      </c>
      <c r="E45" s="98">
        <v>100</v>
      </c>
      <c r="F45" s="99">
        <v>1</v>
      </c>
      <c r="G45" s="98">
        <v>100</v>
      </c>
      <c r="H45" s="99">
        <v>1</v>
      </c>
      <c r="I45" s="27">
        <v>100</v>
      </c>
      <c r="J45" s="100">
        <v>1</v>
      </c>
      <c r="K45" s="101">
        <v>99.96</v>
      </c>
      <c r="L45" s="30">
        <v>4</v>
      </c>
      <c r="M45" s="31">
        <v>100</v>
      </c>
      <c r="N45" s="102">
        <v>1</v>
      </c>
      <c r="O45" s="5"/>
      <c r="P45" s="5"/>
      <c r="Q45" s="5"/>
      <c r="R45" s="5"/>
      <c r="S45" s="5"/>
      <c r="T45" s="5"/>
      <c r="U45" s="5"/>
      <c r="V45" s="5"/>
      <c r="W45" s="5"/>
      <c r="X45" s="5"/>
      <c r="Y45" s="5"/>
      <c r="Z45" s="5"/>
      <c r="AA45" s="5"/>
      <c r="AB45" s="5"/>
      <c r="AC45" s="5"/>
    </row>
    <row r="46" spans="1:29" ht="19.5" customHeight="1" x14ac:dyDescent="0.15">
      <c r="A46" s="21">
        <v>304</v>
      </c>
      <c r="B46" s="22" t="s">
        <v>55</v>
      </c>
      <c r="C46" s="34">
        <v>100</v>
      </c>
      <c r="D46" s="97">
        <v>1</v>
      </c>
      <c r="E46" s="98">
        <v>100</v>
      </c>
      <c r="F46" s="99">
        <v>1</v>
      </c>
      <c r="G46" s="98">
        <v>100</v>
      </c>
      <c r="H46" s="99">
        <v>1</v>
      </c>
      <c r="I46" s="27">
        <v>99.99</v>
      </c>
      <c r="J46" s="100">
        <v>4</v>
      </c>
      <c r="K46" s="101">
        <v>100</v>
      </c>
      <c r="L46" s="30">
        <v>1</v>
      </c>
      <c r="M46" s="31">
        <v>100</v>
      </c>
      <c r="N46" s="102">
        <v>1</v>
      </c>
      <c r="O46" s="5"/>
      <c r="P46" s="5"/>
      <c r="Q46" s="5"/>
      <c r="R46" s="5"/>
      <c r="S46" s="5"/>
      <c r="T46" s="5"/>
      <c r="U46" s="5"/>
      <c r="V46" s="5"/>
      <c r="W46" s="5"/>
      <c r="X46" s="5"/>
      <c r="Y46" s="5"/>
      <c r="Z46" s="5"/>
      <c r="AA46" s="5"/>
      <c r="AB46" s="5"/>
      <c r="AC46" s="5"/>
    </row>
    <row r="47" spans="1:29" ht="19.5" customHeight="1" x14ac:dyDescent="0.15">
      <c r="A47" s="21">
        <v>305</v>
      </c>
      <c r="B47" s="22" t="s">
        <v>56</v>
      </c>
      <c r="C47" s="34">
        <v>100</v>
      </c>
      <c r="D47" s="97">
        <v>1</v>
      </c>
      <c r="E47" s="98">
        <v>100</v>
      </c>
      <c r="F47" s="99">
        <v>1</v>
      </c>
      <c r="G47" s="98">
        <v>100</v>
      </c>
      <c r="H47" s="99">
        <v>1</v>
      </c>
      <c r="I47" s="27">
        <v>100</v>
      </c>
      <c r="J47" s="100">
        <v>1</v>
      </c>
      <c r="K47" s="101">
        <v>100</v>
      </c>
      <c r="L47" s="30">
        <v>1</v>
      </c>
      <c r="M47" s="31">
        <v>100</v>
      </c>
      <c r="N47" s="102">
        <v>1</v>
      </c>
      <c r="O47" s="5"/>
      <c r="P47" s="5"/>
      <c r="Q47" s="5"/>
      <c r="R47" s="5"/>
      <c r="S47" s="5"/>
      <c r="T47" s="5"/>
      <c r="U47" s="5"/>
      <c r="V47" s="5"/>
      <c r="W47" s="5"/>
      <c r="X47" s="5"/>
      <c r="Y47" s="5"/>
      <c r="Z47" s="5"/>
      <c r="AA47" s="5"/>
      <c r="AB47" s="5"/>
      <c r="AC47" s="5"/>
    </row>
    <row r="48" spans="1:29" ht="19.5" customHeight="1" thickBot="1" x14ac:dyDescent="0.2">
      <c r="A48" s="35">
        <v>306</v>
      </c>
      <c r="B48" s="36" t="s">
        <v>57</v>
      </c>
      <c r="C48" s="104">
        <v>100</v>
      </c>
      <c r="D48" s="103">
        <v>1</v>
      </c>
      <c r="E48" s="105">
        <v>100</v>
      </c>
      <c r="F48" s="106">
        <v>1</v>
      </c>
      <c r="G48" s="105">
        <v>100</v>
      </c>
      <c r="H48" s="106">
        <v>1</v>
      </c>
      <c r="I48" s="61">
        <v>100</v>
      </c>
      <c r="J48" s="107">
        <v>1</v>
      </c>
      <c r="K48" s="108">
        <v>100</v>
      </c>
      <c r="L48" s="64">
        <v>1</v>
      </c>
      <c r="M48" s="65">
        <v>100</v>
      </c>
      <c r="N48" s="109">
        <v>1</v>
      </c>
      <c r="O48" s="5"/>
      <c r="P48" s="5"/>
      <c r="Q48" s="5"/>
      <c r="R48" s="5"/>
      <c r="S48" s="5"/>
      <c r="T48" s="5"/>
      <c r="U48" s="5"/>
      <c r="V48" s="5"/>
      <c r="W48" s="5"/>
      <c r="X48" s="5"/>
      <c r="Y48" s="5"/>
      <c r="Z48" s="5"/>
      <c r="AA48" s="5"/>
      <c r="AB48" s="5"/>
      <c r="AC48" s="5"/>
    </row>
    <row r="49" spans="1:29" ht="19.5" customHeight="1" thickTop="1" thickBot="1" x14ac:dyDescent="0.2">
      <c r="A49" s="137" t="s">
        <v>58</v>
      </c>
      <c r="B49" s="138"/>
      <c r="C49" s="111">
        <v>70.31</v>
      </c>
      <c r="D49" s="110"/>
      <c r="E49" s="112">
        <v>71.599999999999994</v>
      </c>
      <c r="F49" s="113"/>
      <c r="G49" s="112">
        <v>74.06</v>
      </c>
      <c r="H49" s="113"/>
      <c r="I49" s="114">
        <v>75.510000000000005</v>
      </c>
      <c r="J49" s="115"/>
      <c r="K49" s="116">
        <v>76.88</v>
      </c>
      <c r="L49" s="117"/>
      <c r="M49" s="118">
        <v>78.5</v>
      </c>
      <c r="N49" s="119"/>
      <c r="O49" s="5"/>
      <c r="P49" s="5"/>
      <c r="Q49" s="5"/>
      <c r="R49" s="5"/>
      <c r="S49" s="5"/>
      <c r="T49" s="5"/>
      <c r="U49" s="5"/>
      <c r="V49" s="5"/>
      <c r="W49" s="5"/>
      <c r="X49" s="5"/>
      <c r="Y49" s="5"/>
      <c r="Z49" s="5"/>
      <c r="AA49" s="5"/>
      <c r="AB49" s="5"/>
      <c r="AC49" s="5"/>
    </row>
    <row r="50" spans="1:29" ht="19.5" customHeight="1" thickTop="1" thickBot="1" x14ac:dyDescent="0.2">
      <c r="A50" s="137" t="s">
        <v>59</v>
      </c>
      <c r="B50" s="138"/>
      <c r="C50" s="111">
        <v>99.98</v>
      </c>
      <c r="D50" s="110"/>
      <c r="E50" s="112">
        <v>99.98</v>
      </c>
      <c r="F50" s="113"/>
      <c r="G50" s="112">
        <v>99.99</v>
      </c>
      <c r="H50" s="113"/>
      <c r="I50" s="114">
        <v>99.99</v>
      </c>
      <c r="J50" s="115"/>
      <c r="K50" s="116">
        <v>99.97</v>
      </c>
      <c r="L50" s="117"/>
      <c r="M50" s="118">
        <v>99.98</v>
      </c>
      <c r="N50" s="119"/>
      <c r="O50" s="5"/>
      <c r="P50" s="5"/>
      <c r="Q50" s="5"/>
      <c r="R50" s="5"/>
      <c r="S50" s="5"/>
      <c r="T50" s="5"/>
      <c r="U50" s="5"/>
      <c r="V50" s="5"/>
      <c r="W50" s="5"/>
      <c r="X50" s="5"/>
      <c r="Y50" s="5"/>
      <c r="Z50" s="5"/>
      <c r="AA50" s="5"/>
      <c r="AB50" s="5"/>
      <c r="AC50" s="5"/>
    </row>
    <row r="51" spans="1:29" ht="19.5" customHeight="1" thickTop="1" thickBot="1" x14ac:dyDescent="0.2">
      <c r="A51" s="130" t="s">
        <v>60</v>
      </c>
      <c r="B51" s="131"/>
      <c r="C51" s="121">
        <v>72.459999999999994</v>
      </c>
      <c r="D51" s="120"/>
      <c r="E51" s="122">
        <v>73.66</v>
      </c>
      <c r="F51" s="123"/>
      <c r="G51" s="122">
        <v>75.92</v>
      </c>
      <c r="H51" s="123"/>
      <c r="I51" s="124">
        <v>77.3</v>
      </c>
      <c r="J51" s="125"/>
      <c r="K51" s="126">
        <v>78.709999999999994</v>
      </c>
      <c r="L51" s="127"/>
      <c r="M51" s="128">
        <v>80.28</v>
      </c>
      <c r="N51" s="129"/>
    </row>
  </sheetData>
  <mergeCells count="10">
    <mergeCell ref="A51:B51"/>
    <mergeCell ref="G3:H3"/>
    <mergeCell ref="I3:J3"/>
    <mergeCell ref="K3:L3"/>
    <mergeCell ref="M3:N3"/>
    <mergeCell ref="A49:B49"/>
    <mergeCell ref="A50:B50"/>
    <mergeCell ref="C3:D3"/>
    <mergeCell ref="E3:F3"/>
    <mergeCell ref="A3:B5"/>
  </mergeCells>
  <phoneticPr fontId="3"/>
  <printOptions horizontalCentered="1" gridLinesSet="0"/>
  <pageMargins left="0.7" right="0.7" top="0.75" bottom="0.75" header="0.3" footer="0.3"/>
  <pageSetup paperSize="9" scale="90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収納率（現繰）</vt:lpstr>
      <vt:lpstr>'収納率（現繰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0:56:54Z</cp:lastPrinted>
  <dcterms:created xsi:type="dcterms:W3CDTF">2018-03-07T07:19:22Z</dcterms:created>
  <dcterms:modified xsi:type="dcterms:W3CDTF">2018-03-09T00:57:01Z</dcterms:modified>
</cp:coreProperties>
</file>